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inimized" horzBarState="maximized">
    <p:restoredLeft sz="0" autoAdjust="0"/>
    <p:restoredTop sz="89542" autoAdjust="0"/>
  </p:normalViewPr>
  <p:slideViewPr>
    <p:cSldViewPr snapToGrid="0" snapToObjects="1">
      <p:cViewPr>
        <p:scale>
          <a:sx n="100" d="100"/>
          <a:sy n="100" d="100"/>
        </p:scale>
        <p:origin x="1330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11/14/2023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C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D7D0A7F9-B7F5-425F-A913-CBE7D238745C}" type="slidenum">
              <a:rPr lang="en-US" smtClean="0"/>
              <a:t>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2917267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3.xml"/><Relationship Id="rId7" Type="http://schemas.openxmlformats.org/officeDocument/2006/relationships/image" Target="../media/image3.png"/><Relationship Id="rId12" Type="http://schemas.openxmlformats.org/officeDocument/2006/relationships/image" Target="../media/image8.png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2.png"/><Relationship Id="rId11" Type="http://schemas.openxmlformats.org/officeDocument/2006/relationships/image" Target="../media/image7.png"/><Relationship Id="rId5" Type="http://schemas.openxmlformats.org/officeDocument/2006/relationships/notesSlide" Target="../notesSlides/notesSlide1.xml"/><Relationship Id="rId10" Type="http://schemas.openxmlformats.org/officeDocument/2006/relationships/image" Target="../media/image6.pn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34" y="531228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33885" y="5614145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112508" y="7365484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836654" y="1312862"/>
            <a:ext cx="2772565" cy="4001415"/>
          </a:xfrm>
          <a:prstGeom prst="rect">
            <a:avLst/>
          </a:prstGeom>
          <a:noFill/>
          <a:ln w="12700">
            <a:noFill/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noFill/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</a:t>
              </a:r>
              <a:r>
                <a:rPr lang="en-US" sz="700"/>
                <a:t>cae</a:t>
              </a:r>
              <a:endParaRPr lang="en-US" sz="700" dirty="0"/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96B9DA4-F47D-3D9C-7133-9005F4030217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t="17979" b="31450"/>
          <a:stretch/>
        </p:blipFill>
        <p:spPr>
          <a:xfrm>
            <a:off x="795528" y="5559176"/>
            <a:ext cx="3262504" cy="1306443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E0F93B9E-404D-E685-1C10-0C88181276D1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t="24985"/>
          <a:stretch/>
        </p:blipFill>
        <p:spPr>
          <a:xfrm>
            <a:off x="5633885" y="5800884"/>
            <a:ext cx="3741744" cy="806053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2F39A3B0-654C-A0B3-03B1-51DEA5FE6421}"/>
              </a:ext>
            </a:extLst>
          </p:cNvPr>
          <p:cNvPicPr>
            <a:picLocks noChangeAspect="1"/>
          </p:cNvPicPr>
          <p:nvPr/>
        </p:nvPicPr>
        <p:blipFill>
          <a:blip r:embed="rId8"/>
          <a:srcRect/>
          <a:stretch/>
        </p:blipFill>
        <p:spPr>
          <a:xfrm>
            <a:off x="185934" y="1499418"/>
            <a:ext cx="4482905" cy="3417385"/>
          </a:xfrm>
          <a:prstGeom prst="rect">
            <a:avLst/>
          </a:prstGeom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11754C2D-77DD-D1E1-D655-D3016691F274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7686192" y="1538124"/>
            <a:ext cx="2925672" cy="1758515"/>
          </a:xfrm>
          <a:prstGeom prst="rect">
            <a:avLst/>
          </a:prstGeom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1BE9BACF-2084-CFD7-A3EB-DFE4BE9F8E60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4665697" y="1511514"/>
            <a:ext cx="3014211" cy="1811733"/>
          </a:xfrm>
          <a:prstGeom prst="rect">
            <a:avLst/>
          </a:prstGeom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1EA75190-BCCE-E6DF-93D1-7197515F6A2E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4659413" y="3323349"/>
            <a:ext cx="3017353" cy="1813622"/>
          </a:xfrm>
          <a:prstGeom prst="rect">
            <a:avLst/>
          </a:prstGeom>
        </p:spPr>
      </p:pic>
      <p:pic>
        <p:nvPicPr>
          <p:cNvPr id="30" name="Picture 29">
            <a:extLst>
              <a:ext uri="{FF2B5EF4-FFF2-40B4-BE49-F238E27FC236}">
                <a16:creationId xmlns:a16="http://schemas.microsoft.com/office/drawing/2014/main" id="{A04EF8F0-21B1-EAE8-10FA-6F82F5D2BFF5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7661527" y="3306365"/>
            <a:ext cx="3027112" cy="1830606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56</TotalTime>
  <Words>67</Words>
  <Application>Microsoft Office PowerPoint</Application>
  <PresentationFormat>Custom</PresentationFormat>
  <Paragraphs>11</Paragraphs>
  <Slides>1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kshat A</cp:lastModifiedBy>
  <cp:revision>866</cp:revision>
  <cp:lastPrinted>2020-01-28T09:55:08Z</cp:lastPrinted>
  <dcterms:created xsi:type="dcterms:W3CDTF">2015-06-19T14:55:37Z</dcterms:created>
  <dcterms:modified xsi:type="dcterms:W3CDTF">2023-11-14T17:49:23Z</dcterms:modified>
</cp:coreProperties>
</file>